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9-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9-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inkel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F80A95C8-BE78-2A24-F6C5-71C2E78EA3E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3" y="5128670"/>
            <a:ext cx="2423455" cy="147830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5E4E8810-6FF3-5C54-1238-A57EFEAC48C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5632" y="4209025"/>
            <a:ext cx="1623062" cy="99006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4-29T12:54:45Z</dcterms:modified>
</cp:coreProperties>
</file>